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eldhov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4C95485B-40CC-6276-8A8F-D6FD1D5B6F9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06252" y="4968192"/>
            <a:ext cx="3409405" cy="160242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95571456-8EA2-FBAF-63A6-69F03A80177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0195" y="4180280"/>
            <a:ext cx="2407919" cy="113172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3-11T12:28:41Z</dcterms:modified>
</cp:coreProperties>
</file>